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HP掲載枚数表\"/>
    </mc:Choice>
  </mc:AlternateContent>
  <bookViews>
    <workbookView xWindow="240" yWindow="90" windowWidth="28170" windowHeight="11535"/>
  </bookViews>
  <sheets>
    <sheet name="R06" sheetId="28" r:id="rId1"/>
  </sheets>
  <calcPr calcId="125725"/>
</workbook>
</file>

<file path=xl/sharedStrings.xml><?xml version="1.0" encoding="utf-8"?>
<sst xmlns="http://schemas.openxmlformats.org/spreadsheetml/2006/main" count="94" uniqueCount="27">
  <si>
    <t>校長</t>
    <rPh sb="0" eb="2">
      <t>コウチョウ</t>
    </rPh>
    <phoneticPr fontId="1"/>
  </si>
  <si>
    <t>教頭</t>
    <rPh sb="0" eb="2">
      <t>キョウトウ</t>
    </rPh>
    <phoneticPr fontId="1"/>
  </si>
  <si>
    <t>県立学校</t>
    <rPh sb="0" eb="2">
      <t>ケンリツ</t>
    </rPh>
    <rPh sb="2" eb="4">
      <t>ガッコウ</t>
    </rPh>
    <phoneticPr fontId="1"/>
  </si>
  <si>
    <t>小・中学校</t>
    <rPh sb="0" eb="1">
      <t>ショウ</t>
    </rPh>
    <rPh sb="2" eb="5">
      <t>チュウガッコウ</t>
    </rPh>
    <phoneticPr fontId="1"/>
  </si>
  <si>
    <t>公立学校管理職試験問題枚数表</t>
    <rPh sb="0" eb="2">
      <t>コウリツ</t>
    </rPh>
    <rPh sb="2" eb="4">
      <t>ガッコウ</t>
    </rPh>
    <rPh sb="4" eb="6">
      <t>カンリ</t>
    </rPh>
    <rPh sb="6" eb="7">
      <t>ショク</t>
    </rPh>
    <phoneticPr fontId="1"/>
  </si>
  <si>
    <t>年度</t>
    <rPh sb="0" eb="2">
      <t>ネンド</t>
    </rPh>
    <phoneticPr fontId="1"/>
  </si>
  <si>
    <t>科目</t>
    <rPh sb="0" eb="2">
      <t>カモク</t>
    </rPh>
    <phoneticPr fontId="1"/>
  </si>
  <si>
    <t>令和４年度</t>
    <rPh sb="0" eb="2">
      <t>レイワ</t>
    </rPh>
    <rPh sb="3" eb="5">
      <t>ネンド</t>
    </rPh>
    <phoneticPr fontId="1"/>
  </si>
  <si>
    <r>
      <rPr>
        <b/>
        <sz val="12"/>
        <rFont val="ＭＳ Ｐゴシック"/>
        <family val="3"/>
        <charset val="128"/>
      </rPr>
      <t>教頭　</t>
    </r>
    <r>
      <rPr>
        <sz val="12"/>
        <rFont val="ＭＳ Ｐゴシック"/>
        <family val="3"/>
        <charset val="128"/>
      </rPr>
      <t>第１次　筆記</t>
    </r>
    <rPh sb="0" eb="2">
      <t>キョウトウ</t>
    </rPh>
    <rPh sb="3" eb="4">
      <t>ダイ</t>
    </rPh>
    <rPh sb="5" eb="6">
      <t>ジ</t>
    </rPh>
    <rPh sb="7" eb="9">
      <t>ヒッキ</t>
    </rPh>
    <phoneticPr fontId="1"/>
  </si>
  <si>
    <t>小・中学校</t>
    <rPh sb="0" eb="1">
      <t>ショウ</t>
    </rPh>
    <rPh sb="2" eb="3">
      <t>チュウ</t>
    </rPh>
    <rPh sb="3" eb="5">
      <t>ガッコウ</t>
    </rPh>
    <phoneticPr fontId="1"/>
  </si>
  <si>
    <t xml:space="preserve">県立学校 </t>
    <rPh sb="0" eb="2">
      <t>ケンリツ</t>
    </rPh>
    <rPh sb="2" eb="4">
      <t>ガッコウ</t>
    </rPh>
    <phoneticPr fontId="1"/>
  </si>
  <si>
    <r>
      <rPr>
        <b/>
        <sz val="12"/>
        <rFont val="ＭＳ Ｐゴシック"/>
        <family val="3"/>
        <charset val="128"/>
      </rPr>
      <t>校長</t>
    </r>
    <r>
      <rPr>
        <sz val="12"/>
        <rFont val="ＭＳ Ｐゴシック"/>
        <family val="3"/>
        <charset val="128"/>
      </rPr>
      <t>　第１次　面接</t>
    </r>
    <rPh sb="0" eb="2">
      <t>コウチョウ</t>
    </rPh>
    <rPh sb="3" eb="4">
      <t>ダイ</t>
    </rPh>
    <rPh sb="5" eb="6">
      <t>ジ</t>
    </rPh>
    <rPh sb="7" eb="9">
      <t>メンセツ</t>
    </rPh>
    <phoneticPr fontId="1"/>
  </si>
  <si>
    <t>小・中学校　</t>
    <rPh sb="0" eb="1">
      <t>ショウ</t>
    </rPh>
    <rPh sb="2" eb="5">
      <t>チュウガッコウ</t>
    </rPh>
    <phoneticPr fontId="1"/>
  </si>
  <si>
    <t>テーマ（A）</t>
  </si>
  <si>
    <t>県立学校 　</t>
    <rPh sb="0" eb="2">
      <t>ケンリツ</t>
    </rPh>
    <rPh sb="2" eb="4">
      <t>ガッコウ</t>
    </rPh>
    <phoneticPr fontId="1"/>
  </si>
  <si>
    <t>テーマ（B）</t>
  </si>
  <si>
    <t>配点・判定基準</t>
    <rPh sb="0" eb="2">
      <t>ハイテン</t>
    </rPh>
    <rPh sb="3" eb="5">
      <t>ハンテイ</t>
    </rPh>
    <rPh sb="5" eb="7">
      <t>キジュン</t>
    </rPh>
    <phoneticPr fontId="1"/>
  </si>
  <si>
    <t>令和３年度</t>
    <rPh sb="0" eb="2">
      <t>レイワ</t>
    </rPh>
    <rPh sb="3" eb="5">
      <t>ネンド</t>
    </rPh>
    <phoneticPr fontId="1"/>
  </si>
  <si>
    <t>令和２年度</t>
    <rPh sb="0" eb="2">
      <t>レイワ</t>
    </rPh>
    <rPh sb="3" eb="5">
      <t>ネンド</t>
    </rPh>
    <phoneticPr fontId="1"/>
  </si>
  <si>
    <t>令和５年度</t>
    <rPh sb="0" eb="2">
      <t>レイワ</t>
    </rPh>
    <rPh sb="3" eb="5">
      <t>ネンド</t>
    </rPh>
    <phoneticPr fontId="1"/>
  </si>
  <si>
    <t>再任用校長</t>
    <rPh sb="0" eb="3">
      <t>サイニンヨウ</t>
    </rPh>
    <rPh sb="3" eb="5">
      <t>コウチョウ</t>
    </rPh>
    <phoneticPr fontId="1"/>
  </si>
  <si>
    <t>問題枚数</t>
    <rPh sb="0" eb="2">
      <t>モンダイ</t>
    </rPh>
    <rPh sb="2" eb="4">
      <t>マイスウ</t>
    </rPh>
    <phoneticPr fontId="1"/>
  </si>
  <si>
    <t>解答等枚数</t>
    <rPh sb="0" eb="2">
      <t>カイトウ</t>
    </rPh>
    <rPh sb="2" eb="3">
      <t>トウ</t>
    </rPh>
    <rPh sb="3" eb="5">
      <t>マイスウ</t>
    </rPh>
    <phoneticPr fontId="1"/>
  </si>
  <si>
    <t>○</t>
    <phoneticPr fontId="1"/>
  </si>
  <si>
    <t>令和６年度</t>
    <rPh sb="0" eb="2">
      <t>レイワ</t>
    </rPh>
    <rPh sb="3" eb="5">
      <t>ネンド</t>
    </rPh>
    <phoneticPr fontId="1"/>
  </si>
  <si>
    <t>必要な科目の枚数左横の空欄に○を入れてください</t>
    <rPh sb="0" eb="2">
      <t>ヒツヨウ</t>
    </rPh>
    <rPh sb="6" eb="8">
      <t>マイスウ</t>
    </rPh>
    <rPh sb="8" eb="9">
      <t>ヒダリ</t>
    </rPh>
    <rPh sb="9" eb="10">
      <t>ヨコ</t>
    </rPh>
    <rPh sb="11" eb="13">
      <t>クウラン</t>
    </rPh>
    <phoneticPr fontId="1"/>
  </si>
  <si>
    <t>特例任用校長</t>
    <rPh sb="0" eb="2">
      <t>トクレイ</t>
    </rPh>
    <rPh sb="2" eb="4">
      <t>ニンヨウ</t>
    </rPh>
    <rPh sb="4" eb="6">
      <t>コウ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02">
    <xf numFmtId="0" fontId="0" fillId="0" borderId="0" xfId="0">
      <alignment vertical="center"/>
    </xf>
    <xf numFmtId="0" fontId="3" fillId="0" borderId="0" xfId="0" applyFont="1" applyFill="1" applyBorder="1" applyAlignment="1">
      <alignment horizontal="left" vertical="center"/>
    </xf>
    <xf numFmtId="0" fontId="4" fillId="0" borderId="0" xfId="0" applyFont="1" applyBorder="1" applyAlignment="1">
      <alignment vertical="center" shrinkToFit="1"/>
    </xf>
    <xf numFmtId="0" fontId="3" fillId="0" borderId="4" xfId="0" applyFont="1" applyBorder="1" applyAlignment="1">
      <alignment horizontal="center" vertical="center" shrinkToFit="1"/>
    </xf>
    <xf numFmtId="0" fontId="6" fillId="0" borderId="0" xfId="0" applyFont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0" xfId="0" applyFont="1">
      <alignment vertical="center"/>
    </xf>
    <xf numFmtId="0" fontId="3" fillId="0" borderId="3" xfId="0" applyFont="1" applyBorder="1" applyAlignment="1">
      <alignment horizontal="left" vertical="center"/>
    </xf>
    <xf numFmtId="0" fontId="3" fillId="0" borderId="7" xfId="0" applyFont="1" applyBorder="1" applyAlignment="1">
      <alignment horizontal="center" vertical="center"/>
    </xf>
    <xf numFmtId="0" fontId="3" fillId="0" borderId="10" xfId="0" applyFont="1" applyBorder="1" applyAlignment="1">
      <alignment horizontal="left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0" fontId="3" fillId="0" borderId="15" xfId="0" applyFont="1" applyFill="1" applyBorder="1" applyAlignment="1">
      <alignment vertical="center"/>
    </xf>
    <xf numFmtId="0" fontId="3" fillId="0" borderId="17" xfId="0" applyFont="1" applyFill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0" xfId="0" applyFont="1">
      <alignment vertical="center"/>
    </xf>
    <xf numFmtId="0" fontId="3" fillId="0" borderId="20" xfId="0" applyFont="1" applyFill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Fill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Alignment="1">
      <alignment vertical="center" shrinkToFit="1"/>
    </xf>
    <xf numFmtId="0" fontId="3" fillId="0" borderId="11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26" xfId="0" applyFont="1" applyFill="1" applyBorder="1" applyAlignment="1">
      <alignment horizontal="center"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0" xfId="0" applyFont="1" applyBorder="1" applyAlignment="1" applyProtection="1">
      <alignment horizontal="center" vertical="center"/>
      <protection locked="0"/>
    </xf>
    <xf numFmtId="0" fontId="3" fillId="0" borderId="27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1" xfId="0" applyFont="1" applyBorder="1" applyAlignment="1" applyProtection="1">
      <alignment horizontal="center" vertical="center"/>
      <protection locked="0"/>
    </xf>
    <xf numFmtId="0" fontId="3" fillId="0" borderId="31" xfId="0" applyFont="1" applyFill="1" applyBorder="1" applyAlignment="1">
      <alignment horizontal="center" vertical="center"/>
    </xf>
    <xf numFmtId="0" fontId="3" fillId="0" borderId="32" xfId="0" applyFont="1" applyFill="1" applyBorder="1" applyAlignment="1">
      <alignment horizontal="center" vertical="center"/>
    </xf>
    <xf numFmtId="0" fontId="3" fillId="0" borderId="33" xfId="0" applyFont="1" applyFill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left" vertical="center"/>
    </xf>
    <xf numFmtId="0" fontId="3" fillId="0" borderId="36" xfId="0" applyFont="1" applyBorder="1" applyAlignment="1">
      <alignment horizontal="left" vertical="center"/>
    </xf>
    <xf numFmtId="0" fontId="3" fillId="0" borderId="0" xfId="0" applyFont="1" applyFill="1" applyBorder="1" applyAlignment="1">
      <alignment vertical="center"/>
    </xf>
    <xf numFmtId="0" fontId="3" fillId="0" borderId="37" xfId="0" applyFont="1" applyFill="1" applyBorder="1" applyAlignment="1">
      <alignment vertical="center"/>
    </xf>
    <xf numFmtId="0" fontId="3" fillId="0" borderId="10" xfId="0" applyFont="1" applyFill="1" applyBorder="1" applyAlignment="1">
      <alignment horizontal="left" vertical="center"/>
    </xf>
    <xf numFmtId="0" fontId="3" fillId="0" borderId="21" xfId="0" applyFont="1" applyFill="1" applyBorder="1" applyAlignment="1">
      <alignment horizontal="left" vertical="center"/>
    </xf>
    <xf numFmtId="0" fontId="3" fillId="0" borderId="38" xfId="0" applyFont="1" applyBorder="1" applyAlignment="1">
      <alignment horizontal="left" vertical="center"/>
    </xf>
    <xf numFmtId="0" fontId="3" fillId="0" borderId="30" xfId="0" applyFont="1" applyBorder="1" applyAlignment="1">
      <alignment horizontal="left" vertical="center"/>
    </xf>
    <xf numFmtId="0" fontId="3" fillId="0" borderId="32" xfId="0" applyFont="1" applyBorder="1" applyAlignment="1">
      <alignment horizontal="left" vertical="center"/>
    </xf>
    <xf numFmtId="0" fontId="3" fillId="0" borderId="8" xfId="0" applyFont="1" applyFill="1" applyBorder="1" applyAlignment="1">
      <alignment vertical="center"/>
    </xf>
    <xf numFmtId="0" fontId="3" fillId="0" borderId="31" xfId="0" applyFont="1" applyFill="1" applyBorder="1" applyAlignment="1">
      <alignment vertical="center"/>
    </xf>
    <xf numFmtId="0" fontId="3" fillId="0" borderId="40" xfId="0" applyFont="1" applyFill="1" applyBorder="1" applyAlignment="1">
      <alignment vertical="center"/>
    </xf>
    <xf numFmtId="0" fontId="3" fillId="0" borderId="40" xfId="0" applyFont="1" applyFill="1" applyBorder="1" applyAlignment="1">
      <alignment horizontal="left" vertical="center"/>
    </xf>
    <xf numFmtId="0" fontId="3" fillId="0" borderId="41" xfId="0" applyFont="1" applyFill="1" applyBorder="1" applyAlignment="1">
      <alignment horizontal="left" vertical="center"/>
    </xf>
    <xf numFmtId="0" fontId="3" fillId="0" borderId="39" xfId="0" applyFont="1" applyFill="1" applyBorder="1" applyAlignment="1">
      <alignment horizontal="left" vertical="center"/>
    </xf>
    <xf numFmtId="0" fontId="3" fillId="0" borderId="41" xfId="0" applyFont="1" applyFill="1" applyBorder="1" applyAlignment="1">
      <alignment horizontal="center" vertical="center"/>
    </xf>
    <xf numFmtId="0" fontId="3" fillId="0" borderId="39" xfId="0" applyFont="1" applyBorder="1" applyAlignment="1">
      <alignment horizontal="left" vertical="center"/>
    </xf>
    <xf numFmtId="0" fontId="3" fillId="0" borderId="41" xfId="0" applyFont="1" applyBorder="1" applyAlignment="1">
      <alignment horizontal="center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22" xfId="0" applyFont="1" applyBorder="1" applyAlignment="1">
      <alignment horizontal="center" vertical="center"/>
    </xf>
    <xf numFmtId="0" fontId="3" fillId="0" borderId="4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 shrinkToFit="1"/>
    </xf>
    <xf numFmtId="0" fontId="3" fillId="0" borderId="17" xfId="0" applyFont="1" applyBorder="1" applyAlignment="1">
      <alignment horizontal="center" vertical="center" shrinkToFit="1"/>
    </xf>
    <xf numFmtId="0" fontId="3" fillId="0" borderId="44" xfId="0" applyFont="1" applyBorder="1" applyAlignment="1">
      <alignment horizontal="center" vertical="center"/>
    </xf>
    <xf numFmtId="0" fontId="3" fillId="0" borderId="45" xfId="0" applyFont="1" applyBorder="1" applyAlignment="1">
      <alignment horizontal="center" vertical="center"/>
    </xf>
    <xf numFmtId="0" fontId="3" fillId="0" borderId="43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46" xfId="0" applyFont="1" applyBorder="1" applyAlignment="1">
      <alignment horizontal="left" vertical="center"/>
    </xf>
    <xf numFmtId="0" fontId="3" fillId="0" borderId="47" xfId="0" applyFont="1" applyBorder="1" applyAlignment="1">
      <alignment horizontal="left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16" xfId="0" applyFont="1" applyBorder="1" applyAlignment="1">
      <alignment horizontal="left" vertical="center"/>
    </xf>
    <xf numFmtId="0" fontId="3" fillId="0" borderId="48" xfId="0" applyFont="1" applyBorder="1" applyAlignment="1">
      <alignment horizontal="left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3" fillId="0" borderId="49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12" xfId="0" applyFont="1" applyFill="1" applyBorder="1" applyAlignment="1">
      <alignment horizontal="left" vertical="center"/>
    </xf>
    <xf numFmtId="0" fontId="3" fillId="0" borderId="14" xfId="0" applyFont="1" applyFill="1" applyBorder="1" applyAlignment="1">
      <alignment horizontal="left" vertical="center"/>
    </xf>
    <xf numFmtId="0" fontId="3" fillId="0" borderId="16" xfId="0" applyFont="1" applyFill="1" applyBorder="1" applyAlignment="1">
      <alignment horizontal="left" vertical="center"/>
    </xf>
    <xf numFmtId="0" fontId="3" fillId="0" borderId="25" xfId="0" applyFont="1" applyFill="1" applyBorder="1" applyAlignment="1">
      <alignment horizontal="left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left" vertical="center"/>
    </xf>
    <xf numFmtId="0" fontId="5" fillId="0" borderId="0" xfId="0" applyFont="1" applyBorder="1" applyAlignment="1">
      <alignment horizontal="center" vertical="center" shrinkToFit="1"/>
    </xf>
    <xf numFmtId="0" fontId="3" fillId="0" borderId="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9"/>
  <sheetViews>
    <sheetView tabSelected="1" workbookViewId="0">
      <selection activeCell="I22" sqref="I22"/>
    </sheetView>
  </sheetViews>
  <sheetFormatPr defaultRowHeight="13.5"/>
  <cols>
    <col min="1" max="1" width="13.5" customWidth="1"/>
    <col min="2" max="2" width="22.25" customWidth="1"/>
    <col min="3" max="3" width="13" customWidth="1"/>
    <col min="4" max="4" width="10.625" customWidth="1"/>
    <col min="5" max="5" width="3.5" bestFit="1" customWidth="1"/>
    <col min="6" max="6" width="11.75" customWidth="1"/>
    <col min="7" max="7" width="3.5" bestFit="1" customWidth="1"/>
    <col min="8" max="8" width="10.25" customWidth="1"/>
    <col min="9" max="9" width="15" customWidth="1"/>
    <col min="10" max="11" width="16.375" bestFit="1" customWidth="1"/>
    <col min="12" max="12" width="16.375" customWidth="1"/>
    <col min="13" max="13" width="16.25" customWidth="1"/>
    <col min="15" max="15" width="15.875" customWidth="1"/>
  </cols>
  <sheetData>
    <row r="1" spans="1:15" ht="24">
      <c r="A1" s="95" t="s">
        <v>4</v>
      </c>
      <c r="B1" s="95"/>
      <c r="C1" s="95"/>
      <c r="D1" s="95"/>
      <c r="E1" s="95"/>
      <c r="F1" s="95"/>
      <c r="G1" s="95"/>
      <c r="H1" s="95"/>
      <c r="I1" s="2"/>
      <c r="J1" s="2"/>
      <c r="K1" s="2"/>
      <c r="L1" s="2"/>
      <c r="M1" s="22"/>
      <c r="N1" s="22"/>
      <c r="O1" s="22"/>
    </row>
    <row r="2" spans="1:15" ht="22.5" customHeight="1" thickBot="1">
      <c r="A2" s="98" t="s">
        <v>25</v>
      </c>
      <c r="B2" s="98"/>
      <c r="C2" s="98"/>
      <c r="D2" s="98"/>
      <c r="E2" s="98"/>
      <c r="F2" s="98"/>
      <c r="G2" s="98"/>
      <c r="H2" s="98"/>
      <c r="I2" s="2"/>
      <c r="J2" s="2"/>
      <c r="K2" s="2"/>
      <c r="L2" s="2"/>
      <c r="M2" s="22"/>
      <c r="N2" s="22"/>
      <c r="O2" s="22"/>
    </row>
    <row r="3" spans="1:15" s="7" customFormat="1" ht="17.100000000000001" customHeight="1" thickBot="1">
      <c r="A3" s="96" t="s">
        <v>5</v>
      </c>
      <c r="B3" s="97"/>
      <c r="C3" s="19" t="s">
        <v>6</v>
      </c>
      <c r="D3" s="43"/>
      <c r="E3" s="64" t="s">
        <v>23</v>
      </c>
      <c r="F3" s="69" t="s">
        <v>21</v>
      </c>
      <c r="G3" s="63" t="s">
        <v>23</v>
      </c>
      <c r="H3" s="3" t="s">
        <v>22</v>
      </c>
      <c r="I3" s="4"/>
      <c r="J3" s="4"/>
      <c r="K3" s="5"/>
      <c r="L3" s="6"/>
    </row>
    <row r="4" spans="1:15" s="7" customFormat="1" ht="17.100000000000001" customHeight="1">
      <c r="A4" s="99" t="s">
        <v>24</v>
      </c>
      <c r="B4" s="82" t="s">
        <v>8</v>
      </c>
      <c r="C4" s="8" t="s">
        <v>9</v>
      </c>
      <c r="D4" s="71"/>
      <c r="E4" s="35"/>
      <c r="F4" s="9">
        <v>28</v>
      </c>
      <c r="G4" s="67"/>
      <c r="H4" s="65">
        <v>1</v>
      </c>
      <c r="I4" s="4"/>
      <c r="J4" s="4"/>
      <c r="K4" s="5"/>
      <c r="L4" s="6"/>
    </row>
    <row r="5" spans="1:15" s="7" customFormat="1" ht="17.100000000000001" customHeight="1">
      <c r="A5" s="100"/>
      <c r="B5" s="85"/>
      <c r="C5" s="10" t="s">
        <v>10</v>
      </c>
      <c r="D5" s="72"/>
      <c r="E5" s="41"/>
      <c r="F5" s="70">
        <v>34</v>
      </c>
      <c r="G5" s="68"/>
      <c r="H5" s="66">
        <v>1</v>
      </c>
      <c r="I5" s="4"/>
      <c r="J5" s="4"/>
      <c r="K5" s="5"/>
      <c r="L5" s="6"/>
    </row>
    <row r="6" spans="1:15" s="7" customFormat="1" ht="17.100000000000001" customHeight="1">
      <c r="A6" s="100"/>
      <c r="B6" s="84" t="s">
        <v>11</v>
      </c>
      <c r="C6" s="10" t="s">
        <v>12</v>
      </c>
      <c r="D6" s="72" t="s">
        <v>13</v>
      </c>
      <c r="E6" s="41"/>
      <c r="F6" s="70">
        <v>3</v>
      </c>
      <c r="G6" s="59"/>
      <c r="H6" s="14"/>
      <c r="I6" s="4"/>
      <c r="J6" s="4"/>
      <c r="K6" s="5"/>
      <c r="L6" s="6"/>
    </row>
    <row r="7" spans="1:15" s="7" customFormat="1" ht="17.100000000000001" customHeight="1">
      <c r="A7" s="100"/>
      <c r="B7" s="83"/>
      <c r="C7" s="74" t="s">
        <v>14</v>
      </c>
      <c r="D7" s="75" t="s">
        <v>15</v>
      </c>
      <c r="E7" s="40"/>
      <c r="F7" s="11">
        <v>3</v>
      </c>
      <c r="G7" s="59"/>
      <c r="H7" s="20"/>
      <c r="I7" s="4"/>
      <c r="J7" s="4"/>
      <c r="K7" s="5"/>
      <c r="L7" s="6"/>
    </row>
    <row r="8" spans="1:15" ht="17.100000000000001" customHeight="1">
      <c r="A8" s="100"/>
      <c r="B8" s="91" t="s">
        <v>16</v>
      </c>
      <c r="C8" s="87" t="s">
        <v>3</v>
      </c>
      <c r="D8" s="13" t="s">
        <v>0</v>
      </c>
      <c r="E8" s="55"/>
      <c r="F8" s="76"/>
      <c r="G8" s="38"/>
      <c r="H8" s="15">
        <v>4</v>
      </c>
    </row>
    <row r="9" spans="1:15" ht="17.100000000000001" customHeight="1">
      <c r="A9" s="100"/>
      <c r="B9" s="92"/>
      <c r="C9" s="88"/>
      <c r="D9" s="13" t="s">
        <v>1</v>
      </c>
      <c r="E9" s="55"/>
      <c r="F9" s="76"/>
      <c r="G9" s="38"/>
      <c r="H9" s="15">
        <v>3</v>
      </c>
    </row>
    <row r="10" spans="1:15" ht="17.100000000000001" customHeight="1">
      <c r="A10" s="100"/>
      <c r="B10" s="92"/>
      <c r="C10" s="87" t="s">
        <v>2</v>
      </c>
      <c r="D10" s="13" t="s">
        <v>0</v>
      </c>
      <c r="E10" s="55"/>
      <c r="F10" s="76"/>
      <c r="G10" s="38"/>
      <c r="H10" s="15">
        <v>3</v>
      </c>
    </row>
    <row r="11" spans="1:15" ht="17.100000000000001" customHeight="1">
      <c r="A11" s="100"/>
      <c r="B11" s="92"/>
      <c r="C11" s="88"/>
      <c r="D11" s="73" t="s">
        <v>1</v>
      </c>
      <c r="E11" s="56"/>
      <c r="F11" s="77"/>
      <c r="G11" s="37"/>
      <c r="H11" s="23">
        <v>2</v>
      </c>
    </row>
    <row r="12" spans="1:15" ht="17.100000000000001" customHeight="1">
      <c r="A12" s="100"/>
      <c r="B12" s="92"/>
      <c r="C12" s="89" t="s">
        <v>26</v>
      </c>
      <c r="D12" s="48" t="s">
        <v>3</v>
      </c>
      <c r="E12" s="57"/>
      <c r="F12" s="76"/>
      <c r="G12" s="38"/>
      <c r="H12" s="15">
        <v>3</v>
      </c>
    </row>
    <row r="13" spans="1:15" ht="17.100000000000001" customHeight="1" thickBot="1">
      <c r="A13" s="101"/>
      <c r="B13" s="93"/>
      <c r="C13" s="90"/>
      <c r="D13" s="49" t="s">
        <v>2</v>
      </c>
      <c r="E13" s="58"/>
      <c r="F13" s="78"/>
      <c r="G13" s="39"/>
      <c r="H13" s="18">
        <v>2</v>
      </c>
    </row>
    <row r="14" spans="1:15" s="7" customFormat="1" ht="17.100000000000001" customHeight="1">
      <c r="A14" s="79" t="s">
        <v>19</v>
      </c>
      <c r="B14" s="82" t="s">
        <v>8</v>
      </c>
      <c r="C14" s="8" t="s">
        <v>9</v>
      </c>
      <c r="D14" s="44"/>
      <c r="E14" s="51"/>
      <c r="F14" s="24">
        <v>29</v>
      </c>
      <c r="G14" s="35"/>
      <c r="H14" s="9">
        <v>1</v>
      </c>
      <c r="I14" s="4"/>
      <c r="J14" s="4"/>
      <c r="K14" s="5"/>
      <c r="L14" s="6"/>
    </row>
    <row r="15" spans="1:15" s="7" customFormat="1" ht="17.100000000000001" customHeight="1">
      <c r="A15" s="80"/>
      <c r="B15" s="83"/>
      <c r="C15" s="10" t="s">
        <v>10</v>
      </c>
      <c r="D15" s="45"/>
      <c r="E15" s="52"/>
      <c r="F15" s="29">
        <v>34</v>
      </c>
      <c r="G15" s="36"/>
      <c r="H15" s="11">
        <v>1</v>
      </c>
      <c r="I15" s="4"/>
      <c r="J15" s="4"/>
      <c r="K15" s="5"/>
      <c r="L15" s="6"/>
    </row>
    <row r="16" spans="1:15" s="7" customFormat="1" ht="17.100000000000001" customHeight="1">
      <c r="A16" s="80"/>
      <c r="B16" s="84" t="s">
        <v>11</v>
      </c>
      <c r="C16" s="12" t="s">
        <v>12</v>
      </c>
      <c r="D16" s="46" t="s">
        <v>13</v>
      </c>
      <c r="E16" s="53"/>
      <c r="F16" s="25">
        <v>3</v>
      </c>
      <c r="G16" s="59"/>
      <c r="H16" s="14"/>
      <c r="I16" s="4"/>
      <c r="J16" s="4"/>
      <c r="K16" s="5"/>
      <c r="L16" s="6"/>
    </row>
    <row r="17" spans="1:12" s="7" customFormat="1" ht="17.100000000000001" customHeight="1">
      <c r="A17" s="80"/>
      <c r="B17" s="83"/>
      <c r="C17" s="13" t="s">
        <v>14</v>
      </c>
      <c r="D17" s="47" t="s">
        <v>15</v>
      </c>
      <c r="E17" s="54"/>
      <c r="F17" s="26">
        <v>3</v>
      </c>
      <c r="G17" s="59"/>
      <c r="H17" s="20"/>
      <c r="I17" s="4"/>
      <c r="J17" s="4"/>
      <c r="K17" s="5"/>
      <c r="L17" s="6"/>
    </row>
    <row r="18" spans="1:12" ht="17.100000000000001" customHeight="1">
      <c r="A18" s="80"/>
      <c r="B18" s="91" t="s">
        <v>16</v>
      </c>
      <c r="C18" s="87" t="s">
        <v>3</v>
      </c>
      <c r="D18" s="13" t="s">
        <v>0</v>
      </c>
      <c r="E18" s="55"/>
      <c r="F18" s="30"/>
      <c r="G18" s="38"/>
      <c r="H18" s="15">
        <v>4</v>
      </c>
    </row>
    <row r="19" spans="1:12" ht="17.100000000000001" customHeight="1">
      <c r="A19" s="80"/>
      <c r="B19" s="92"/>
      <c r="C19" s="88"/>
      <c r="D19" s="13" t="s">
        <v>1</v>
      </c>
      <c r="E19" s="55"/>
      <c r="F19" s="30"/>
      <c r="G19" s="38"/>
      <c r="H19" s="15">
        <v>3</v>
      </c>
    </row>
    <row r="20" spans="1:12" ht="17.100000000000001" customHeight="1">
      <c r="A20" s="80"/>
      <c r="B20" s="92"/>
      <c r="C20" s="87" t="s">
        <v>2</v>
      </c>
      <c r="D20" s="13" t="s">
        <v>0</v>
      </c>
      <c r="E20" s="55"/>
      <c r="F20" s="30"/>
      <c r="G20" s="38"/>
      <c r="H20" s="15">
        <v>3</v>
      </c>
    </row>
    <row r="21" spans="1:12" ht="17.100000000000001" customHeight="1">
      <c r="A21" s="80"/>
      <c r="B21" s="92"/>
      <c r="C21" s="88"/>
      <c r="D21" s="62" t="s">
        <v>1</v>
      </c>
      <c r="E21" s="56"/>
      <c r="F21" s="31"/>
      <c r="G21" s="37"/>
      <c r="H21" s="23">
        <v>2</v>
      </c>
    </row>
    <row r="22" spans="1:12" ht="17.100000000000001" customHeight="1">
      <c r="A22" s="80"/>
      <c r="B22" s="92"/>
      <c r="C22" s="89" t="s">
        <v>20</v>
      </c>
      <c r="D22" s="48" t="s">
        <v>3</v>
      </c>
      <c r="E22" s="57"/>
      <c r="F22" s="30"/>
      <c r="G22" s="38"/>
      <c r="H22" s="15">
        <v>3</v>
      </c>
    </row>
    <row r="23" spans="1:12" ht="17.100000000000001" customHeight="1" thickBot="1">
      <c r="A23" s="81"/>
      <c r="B23" s="93"/>
      <c r="C23" s="90"/>
      <c r="D23" s="49" t="s">
        <v>2</v>
      </c>
      <c r="E23" s="58"/>
      <c r="F23" s="32"/>
      <c r="G23" s="39"/>
      <c r="H23" s="18">
        <v>2</v>
      </c>
    </row>
    <row r="24" spans="1:12" s="7" customFormat="1" ht="17.100000000000001" customHeight="1">
      <c r="A24" s="79" t="s">
        <v>7</v>
      </c>
      <c r="B24" s="82" t="s">
        <v>8</v>
      </c>
      <c r="C24" s="8" t="s">
        <v>9</v>
      </c>
      <c r="D24" s="44"/>
      <c r="E24" s="51"/>
      <c r="F24" s="24">
        <v>24</v>
      </c>
      <c r="G24" s="35"/>
      <c r="H24" s="9">
        <v>1</v>
      </c>
      <c r="I24" s="4"/>
      <c r="J24" s="4"/>
      <c r="K24" s="5"/>
      <c r="L24" s="6"/>
    </row>
    <row r="25" spans="1:12" s="7" customFormat="1" ht="17.100000000000001" customHeight="1">
      <c r="A25" s="80"/>
      <c r="B25" s="83"/>
      <c r="C25" s="10" t="s">
        <v>10</v>
      </c>
      <c r="D25" s="45"/>
      <c r="E25" s="52"/>
      <c r="F25" s="28">
        <v>30</v>
      </c>
      <c r="G25" s="40"/>
      <c r="H25" s="11">
        <v>1</v>
      </c>
      <c r="I25" s="4"/>
      <c r="J25" s="4"/>
      <c r="K25" s="5"/>
      <c r="L25" s="6"/>
    </row>
    <row r="26" spans="1:12" s="7" customFormat="1" ht="17.100000000000001" customHeight="1">
      <c r="A26" s="80"/>
      <c r="B26" s="84" t="s">
        <v>11</v>
      </c>
      <c r="C26" s="12" t="s">
        <v>12</v>
      </c>
      <c r="D26" s="46" t="s">
        <v>13</v>
      </c>
      <c r="E26" s="53"/>
      <c r="F26" s="25">
        <v>3</v>
      </c>
      <c r="G26" s="59"/>
      <c r="H26" s="14"/>
      <c r="I26" s="4"/>
      <c r="J26" s="4"/>
      <c r="K26" s="5"/>
      <c r="L26" s="6"/>
    </row>
    <row r="27" spans="1:12" s="7" customFormat="1" ht="17.100000000000001" customHeight="1">
      <c r="A27" s="80"/>
      <c r="B27" s="85"/>
      <c r="C27" s="13" t="s">
        <v>14</v>
      </c>
      <c r="D27" s="47" t="s">
        <v>15</v>
      </c>
      <c r="E27" s="54"/>
      <c r="F27" s="27">
        <v>3</v>
      </c>
      <c r="G27" s="59"/>
      <c r="H27" s="14"/>
      <c r="I27" s="4"/>
      <c r="J27" s="4"/>
      <c r="K27" s="5"/>
      <c r="L27" s="6"/>
    </row>
    <row r="28" spans="1:12" s="7" customFormat="1" ht="17.100000000000001" customHeight="1">
      <c r="A28" s="80"/>
      <c r="B28" s="84" t="s">
        <v>16</v>
      </c>
      <c r="C28" s="87" t="s">
        <v>3</v>
      </c>
      <c r="D28" s="47" t="s">
        <v>0</v>
      </c>
      <c r="E28" s="55"/>
      <c r="F28" s="30"/>
      <c r="G28" s="38"/>
      <c r="H28" s="15">
        <v>4</v>
      </c>
      <c r="I28" s="4"/>
      <c r="J28" s="4"/>
      <c r="K28" s="5"/>
      <c r="L28" s="6"/>
    </row>
    <row r="29" spans="1:12" s="7" customFormat="1" ht="17.100000000000001" customHeight="1">
      <c r="A29" s="80"/>
      <c r="B29" s="83"/>
      <c r="C29" s="88"/>
      <c r="D29" s="47" t="s">
        <v>1</v>
      </c>
      <c r="E29" s="55"/>
      <c r="F29" s="30"/>
      <c r="G29" s="38"/>
      <c r="H29" s="15">
        <v>3</v>
      </c>
      <c r="I29" s="4"/>
      <c r="J29" s="4"/>
      <c r="K29" s="5"/>
      <c r="L29" s="6"/>
    </row>
    <row r="30" spans="1:12" s="7" customFormat="1" ht="17.100000000000001" customHeight="1">
      <c r="A30" s="80"/>
      <c r="B30" s="83"/>
      <c r="C30" s="87" t="s">
        <v>2</v>
      </c>
      <c r="D30" s="47" t="s">
        <v>0</v>
      </c>
      <c r="E30" s="55"/>
      <c r="F30" s="30"/>
      <c r="G30" s="38"/>
      <c r="H30" s="15">
        <v>3</v>
      </c>
      <c r="I30" s="4"/>
      <c r="J30" s="4"/>
      <c r="K30" s="5"/>
      <c r="L30" s="6"/>
    </row>
    <row r="31" spans="1:12" s="7" customFormat="1" ht="17.100000000000001" customHeight="1" thickBot="1">
      <c r="A31" s="81"/>
      <c r="B31" s="86"/>
      <c r="C31" s="94"/>
      <c r="D31" s="50" t="s">
        <v>1</v>
      </c>
      <c r="E31" s="60"/>
      <c r="F31" s="32"/>
      <c r="G31" s="39"/>
      <c r="H31" s="18">
        <v>2</v>
      </c>
      <c r="I31" s="4"/>
      <c r="J31" s="4"/>
      <c r="K31" s="5"/>
      <c r="L31" s="6"/>
    </row>
    <row r="32" spans="1:12" s="7" customFormat="1" ht="17.100000000000001" customHeight="1">
      <c r="A32" s="79" t="s">
        <v>17</v>
      </c>
      <c r="B32" s="82" t="s">
        <v>8</v>
      </c>
      <c r="C32" s="8" t="s">
        <v>9</v>
      </c>
      <c r="D32" s="44"/>
      <c r="E32" s="51"/>
      <c r="F32" s="24">
        <v>24</v>
      </c>
      <c r="G32" s="35"/>
      <c r="H32" s="9">
        <v>1</v>
      </c>
      <c r="I32" s="4"/>
      <c r="J32" s="4"/>
      <c r="K32" s="5"/>
      <c r="L32" s="6"/>
    </row>
    <row r="33" spans="1:12" s="7" customFormat="1" ht="17.100000000000001" customHeight="1">
      <c r="A33" s="80"/>
      <c r="B33" s="83"/>
      <c r="C33" s="10" t="s">
        <v>10</v>
      </c>
      <c r="D33" s="45"/>
      <c r="E33" s="52"/>
      <c r="F33" s="28">
        <v>28</v>
      </c>
      <c r="G33" s="40"/>
      <c r="H33" s="11">
        <v>1</v>
      </c>
      <c r="I33" s="4"/>
      <c r="J33" s="4"/>
      <c r="K33" s="5"/>
      <c r="L33" s="6"/>
    </row>
    <row r="34" spans="1:12" s="7" customFormat="1" ht="17.100000000000001" customHeight="1">
      <c r="A34" s="80"/>
      <c r="B34" s="84" t="s">
        <v>11</v>
      </c>
      <c r="C34" s="12" t="s">
        <v>12</v>
      </c>
      <c r="D34" s="46" t="s">
        <v>13</v>
      </c>
      <c r="E34" s="53"/>
      <c r="F34" s="25">
        <v>4</v>
      </c>
      <c r="G34" s="59"/>
      <c r="H34" s="14"/>
      <c r="I34" s="4"/>
      <c r="J34" s="4"/>
      <c r="K34" s="5"/>
      <c r="L34" s="6"/>
    </row>
    <row r="35" spans="1:12" s="7" customFormat="1" ht="17.100000000000001" customHeight="1">
      <c r="A35" s="80"/>
      <c r="B35" s="85"/>
      <c r="C35" s="13" t="s">
        <v>14</v>
      </c>
      <c r="D35" s="47" t="s">
        <v>15</v>
      </c>
      <c r="E35" s="54"/>
      <c r="F35" s="28">
        <v>4</v>
      </c>
      <c r="G35" s="61"/>
      <c r="H35" s="14"/>
      <c r="I35" s="4"/>
      <c r="J35" s="4"/>
      <c r="K35" s="5"/>
      <c r="L35" s="6"/>
    </row>
    <row r="36" spans="1:12" s="7" customFormat="1" ht="17.100000000000001" customHeight="1">
      <c r="A36" s="80"/>
      <c r="B36" s="84" t="s">
        <v>16</v>
      </c>
      <c r="C36" s="87" t="s">
        <v>3</v>
      </c>
      <c r="D36" s="47" t="s">
        <v>0</v>
      </c>
      <c r="E36" s="55"/>
      <c r="F36" s="33"/>
      <c r="G36" s="41"/>
      <c r="H36" s="15">
        <v>4</v>
      </c>
      <c r="I36" s="4"/>
      <c r="J36" s="4"/>
      <c r="K36" s="5"/>
      <c r="L36" s="6"/>
    </row>
    <row r="37" spans="1:12" s="7" customFormat="1" ht="17.100000000000001" customHeight="1">
      <c r="A37" s="80"/>
      <c r="B37" s="83"/>
      <c r="C37" s="88"/>
      <c r="D37" s="47" t="s">
        <v>1</v>
      </c>
      <c r="E37" s="55"/>
      <c r="F37" s="33"/>
      <c r="G37" s="41"/>
      <c r="H37" s="15">
        <v>3</v>
      </c>
      <c r="I37" s="4"/>
      <c r="J37" s="4"/>
      <c r="K37" s="5"/>
      <c r="L37" s="6"/>
    </row>
    <row r="38" spans="1:12" ht="17.100000000000001" customHeight="1">
      <c r="A38" s="80"/>
      <c r="B38" s="83"/>
      <c r="C38" s="87" t="s">
        <v>2</v>
      </c>
      <c r="D38" s="47" t="s">
        <v>0</v>
      </c>
      <c r="E38" s="55"/>
      <c r="F38" s="33"/>
      <c r="G38" s="41"/>
      <c r="H38" s="15">
        <v>3</v>
      </c>
    </row>
    <row r="39" spans="1:12" s="7" customFormat="1" ht="17.100000000000001" customHeight="1" thickBot="1">
      <c r="A39" s="81"/>
      <c r="B39" s="86"/>
      <c r="C39" s="94"/>
      <c r="D39" s="50" t="s">
        <v>1</v>
      </c>
      <c r="E39" s="60"/>
      <c r="F39" s="34"/>
      <c r="G39" s="42"/>
      <c r="H39" s="16">
        <v>2</v>
      </c>
    </row>
    <row r="40" spans="1:12" s="7" customFormat="1" ht="17.100000000000001" customHeight="1">
      <c r="A40" s="79" t="s">
        <v>18</v>
      </c>
      <c r="B40" s="82" t="s">
        <v>8</v>
      </c>
      <c r="C40" s="8" t="s">
        <v>9</v>
      </c>
      <c r="D40" s="44"/>
      <c r="E40" s="51"/>
      <c r="F40" s="24">
        <v>24</v>
      </c>
      <c r="G40" s="35"/>
      <c r="H40" s="9">
        <v>1</v>
      </c>
    </row>
    <row r="41" spans="1:12" ht="17.100000000000001" customHeight="1">
      <c r="A41" s="80"/>
      <c r="B41" s="83"/>
      <c r="C41" s="10" t="s">
        <v>10</v>
      </c>
      <c r="D41" s="45"/>
      <c r="E41" s="52"/>
      <c r="F41" s="28">
        <v>31</v>
      </c>
      <c r="G41" s="40"/>
      <c r="H41" s="11">
        <v>1</v>
      </c>
    </row>
    <row r="42" spans="1:12" ht="17.100000000000001" customHeight="1">
      <c r="A42" s="80"/>
      <c r="B42" s="84" t="s">
        <v>11</v>
      </c>
      <c r="C42" s="12" t="s">
        <v>12</v>
      </c>
      <c r="D42" s="46" t="s">
        <v>13</v>
      </c>
      <c r="E42" s="53"/>
      <c r="F42" s="25">
        <v>3</v>
      </c>
      <c r="G42" s="59"/>
      <c r="H42" s="14"/>
    </row>
    <row r="43" spans="1:12" ht="17.100000000000001" customHeight="1">
      <c r="A43" s="80"/>
      <c r="B43" s="85"/>
      <c r="C43" s="13" t="s">
        <v>14</v>
      </c>
      <c r="D43" s="47" t="s">
        <v>15</v>
      </c>
      <c r="E43" s="54"/>
      <c r="F43" s="28">
        <v>3</v>
      </c>
      <c r="G43" s="61"/>
      <c r="H43" s="14"/>
    </row>
    <row r="44" spans="1:12" ht="17.100000000000001" customHeight="1">
      <c r="A44" s="80"/>
      <c r="B44" s="84" t="s">
        <v>16</v>
      </c>
      <c r="C44" s="87" t="s">
        <v>3</v>
      </c>
      <c r="D44" s="47" t="s">
        <v>0</v>
      </c>
      <c r="E44" s="55"/>
      <c r="F44" s="33"/>
      <c r="G44" s="41"/>
      <c r="H44" s="15">
        <v>4</v>
      </c>
    </row>
    <row r="45" spans="1:12" ht="17.100000000000001" customHeight="1">
      <c r="A45" s="80"/>
      <c r="B45" s="83"/>
      <c r="C45" s="88"/>
      <c r="D45" s="47" t="s">
        <v>1</v>
      </c>
      <c r="E45" s="55"/>
      <c r="F45" s="33"/>
      <c r="G45" s="41"/>
      <c r="H45" s="15">
        <v>3</v>
      </c>
    </row>
    <row r="46" spans="1:12" ht="17.100000000000001" customHeight="1">
      <c r="A46" s="80"/>
      <c r="B46" s="83"/>
      <c r="C46" s="87" t="s">
        <v>2</v>
      </c>
      <c r="D46" s="47" t="s">
        <v>0</v>
      </c>
      <c r="E46" s="55"/>
      <c r="F46" s="33"/>
      <c r="G46" s="41"/>
      <c r="H46" s="15">
        <v>3</v>
      </c>
    </row>
    <row r="47" spans="1:12" ht="17.100000000000001" customHeight="1" thickBot="1">
      <c r="A47" s="81"/>
      <c r="B47" s="86"/>
      <c r="C47" s="94"/>
      <c r="D47" s="50" t="s">
        <v>1</v>
      </c>
      <c r="E47" s="60"/>
      <c r="F47" s="34"/>
      <c r="G47" s="42"/>
      <c r="H47" s="16">
        <v>2</v>
      </c>
    </row>
    <row r="48" spans="1:12" ht="10.5" customHeight="1">
      <c r="A48" s="21"/>
      <c r="B48" s="21"/>
      <c r="C48" s="1"/>
      <c r="D48" s="1"/>
      <c r="E48" s="1"/>
      <c r="F48" s="21"/>
      <c r="G48" s="21"/>
      <c r="H48" s="21"/>
    </row>
    <row r="49" spans="1:8" ht="17.100000000000001" customHeight="1">
      <c r="A49" s="1"/>
      <c r="B49" s="17"/>
      <c r="C49" s="17"/>
      <c r="D49" s="17"/>
      <c r="E49" s="17"/>
      <c r="F49" s="17"/>
      <c r="G49" s="17"/>
      <c r="H49" s="17"/>
    </row>
  </sheetData>
  <mergeCells count="35">
    <mergeCell ref="B8:B13"/>
    <mergeCell ref="C8:C9"/>
    <mergeCell ref="C10:C11"/>
    <mergeCell ref="A32:A39"/>
    <mergeCell ref="B32:B33"/>
    <mergeCell ref="B34:B35"/>
    <mergeCell ref="B36:B39"/>
    <mergeCell ref="A1:H1"/>
    <mergeCell ref="A2:H2"/>
    <mergeCell ref="A3:B3"/>
    <mergeCell ref="A14:A23"/>
    <mergeCell ref="B14:B15"/>
    <mergeCell ref="B16:B17"/>
    <mergeCell ref="B18:B23"/>
    <mergeCell ref="C18:C19"/>
    <mergeCell ref="C20:C21"/>
    <mergeCell ref="C22:C23"/>
    <mergeCell ref="B4:B5"/>
    <mergeCell ref="B6:B7"/>
    <mergeCell ref="C12:C13"/>
    <mergeCell ref="A4:A13"/>
    <mergeCell ref="A40:A47"/>
    <mergeCell ref="B40:B41"/>
    <mergeCell ref="B42:B43"/>
    <mergeCell ref="B44:B47"/>
    <mergeCell ref="C44:C45"/>
    <mergeCell ref="C46:C47"/>
    <mergeCell ref="C36:C37"/>
    <mergeCell ref="C38:C39"/>
    <mergeCell ref="A24:A31"/>
    <mergeCell ref="B24:B25"/>
    <mergeCell ref="B26:B27"/>
    <mergeCell ref="B28:B31"/>
    <mergeCell ref="C28:C29"/>
    <mergeCell ref="C30:C31"/>
  </mergeCells>
  <phoneticPr fontId="1"/>
  <pageMargins left="0.70866141732283472" right="0.70866141732283472" top="0.35433070866141736" bottom="0.55118110236220474" header="0.31496062992125984" footer="0.31496062992125984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06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oitapref</cp:lastModifiedBy>
  <cp:lastPrinted>2024-02-14T06:08:39Z</cp:lastPrinted>
  <dcterms:created xsi:type="dcterms:W3CDTF">2008-07-07T07:05:42Z</dcterms:created>
  <dcterms:modified xsi:type="dcterms:W3CDTF">2024-02-14T06:09:12Z</dcterms:modified>
</cp:coreProperties>
</file>